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i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5F8A21C-E5A7-FC0C-F538-48FDB64BE3C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210561"/>
            <a:ext cx="2195571" cy="138321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D05686B-B7FD-BA30-B903-8159A399C54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2245" y="4229093"/>
            <a:ext cx="1830908" cy="115347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1-30T12:25:29Z</dcterms:modified>
</cp:coreProperties>
</file>